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801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1\poniżej 130 tys\41_Wykonanie usługi polegajacej na dostawie, przeglądzie , naprawie, legalizacji, oznakowaniu i konsrerwacji sprzętu przeciwpożarowego - powtórzenie\"/>
    </mc:Choice>
  </mc:AlternateContent>
  <xr:revisionPtr revIDLastSave="0" documentId="13_ncr:1_{AE18C6C5-E780-417B-B3A8-11CBF2A6CA36}" xr6:coauthVersionLast="46" xr6:coauthVersionMax="46" xr10:uidLastSave="{00000000-0000-0000-0000-000000000000}"/>
  <bookViews>
    <workbookView xWindow="1005" yWindow="735" windowWidth="28770" windowHeight="14280" xr2:uid="{00000000-000D-0000-FFFF-FFFF00000000}"/>
  </bookViews>
  <sheets>
    <sheet name="formularz_cenowy" sheetId="1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38" i="1" l="1"/>
  <c r="G37" i="1"/>
  <c r="G36" i="1"/>
</calcChain>
</file>

<file path=xl/sharedStrings.xml><?xml version="1.0" encoding="utf-8"?>
<sst xmlns="http://schemas.openxmlformats.org/spreadsheetml/2006/main" count="95" uniqueCount="65">
  <si>
    <t>Załącznik nr 2 do Zaproszenia</t>
  </si>
  <si>
    <t>A</t>
  </si>
  <si>
    <t>B</t>
  </si>
  <si>
    <t>C = A*B</t>
  </si>
  <si>
    <t>D</t>
  </si>
  <si>
    <t>E = F/A</t>
  </si>
  <si>
    <t>F = C+D</t>
  </si>
  <si>
    <t>Lp.</t>
  </si>
  <si>
    <t>Wymagany Przedmiot Zamówienia</t>
  </si>
  <si>
    <t>jedn. miary</t>
  </si>
  <si>
    <t>ilość</t>
  </si>
  <si>
    <t>Cena jednostkowa netto</t>
  </si>
  <si>
    <t>Wartość netto</t>
  </si>
  <si>
    <t>Wartość VAT</t>
  </si>
  <si>
    <t>Cena jednostkowa brutto</t>
  </si>
  <si>
    <t>Wartość brutto</t>
  </si>
  <si>
    <t>szt.</t>
  </si>
  <si>
    <t>Gaśnice proszkowe – naprawa**  - badanie ciśnieniowe zbiorników</t>
  </si>
  <si>
    <t>Gaśnice proszkowe – wymiana, uzupełnienie proszku gaśniczego -                   GP-1X ABC /szt.4/</t>
  </si>
  <si>
    <t>GP-2X ABC /szt. 20/</t>
  </si>
  <si>
    <t>GP-4X ABC /szt.49/</t>
  </si>
  <si>
    <t>GP-6X ABC /szt. 117/</t>
  </si>
  <si>
    <t>Gaśnice śniegowe – przegląd /szt. 26/</t>
  </si>
  <si>
    <t>Gaśnice śniegowa – naprawa - badanie ciśnieniowe zbiorników</t>
  </si>
  <si>
    <t>Gaśnice śniegowa – uzupełnienie środka gaśniczego                                  UGS-2x /szt. 22/</t>
  </si>
  <si>
    <t>GS-5x  /szt. 4/</t>
  </si>
  <si>
    <t>Agregat proszkowy – naprawa GP-25</t>
  </si>
  <si>
    <t>Koc gaśniczy – przegląd  /szt. 7/</t>
  </si>
  <si>
    <t>ZAWORY HYDRANTOWE – PRZEGLĄD   /szt. 62/</t>
  </si>
  <si>
    <t>HYDRANTY WEWNĘTRZNE – PRZEGLĄD   /szt. 90/</t>
  </si>
  <si>
    <t>HYDRANTY ZEWNĘTRZNE – PRZEGLĄD  /szt. 7/</t>
  </si>
  <si>
    <t>WYMIANA ZAWORU HYDRANTU /CZĘŚCI + ROBOCIZNA/</t>
  </si>
  <si>
    <t>PRÓBA CIŚNIENIOWA WĘŻA HYDRANTU</t>
  </si>
  <si>
    <t>TAŚMOWANIE WĘŻA (1 KOŃCÓWKA)</t>
  </si>
  <si>
    <t>WYMIANA WĘŻA W – 52 DŁ. 15 M /NOWY/</t>
  </si>
  <si>
    <t>WYMIANA WĘŻA W – 25 DŁ. 30 M /NOWY/</t>
  </si>
  <si>
    <t>UZUPEŁNIENIE PRĄDOWNICY W HYDRANCIE HP-52</t>
  </si>
  <si>
    <t>UZUPEŁNIENIE PRĄDOWNICY W HYDRANCIE HP-25</t>
  </si>
  <si>
    <t>Uzupełnienie brakujących części - szybka szafki hydr.  i szafki na gaśnice</t>
  </si>
  <si>
    <t>Uzupełnienie brakujących części - zamek szafki hydr.  i szafki na gaśnice</t>
  </si>
  <si>
    <t>Uzupełnienie brakujących części - kluczyk zamka hydr. i szafki na gaśnice</t>
  </si>
  <si>
    <t>Uzupełnienie oznakowania – hydrantów wewnętrznych i zewnętrznych, gaśnic, zaworów hydrantowych</t>
  </si>
  <si>
    <t>Uzupełnienie oznakowania odpornego na warunki zewnętrzne – hydrantów zewnętrznych o ,wym. 40 x 40</t>
  </si>
  <si>
    <t>Uzupełnienie brakujących części – instrukcja obsługi hydrantu;</t>
  </si>
  <si>
    <t>Wartość formularza cenowego posłuży do porównania ofert w wyznaczonym kryterium ceny. Zamawiający nie określa dokładnych ilości, które wystąpią w okresie obowiązywania umowy.</t>
  </si>
  <si>
    <t>wartość VAT</t>
  </si>
  <si>
    <t>wartość brutto</t>
  </si>
  <si>
    <r>
      <t>* - Przegląd</t>
    </r>
    <r>
      <rPr>
        <sz val="11"/>
        <color rgb="FF000000"/>
        <rFont val="Arial"/>
        <family val="2"/>
        <charset val="238"/>
      </rPr>
      <t xml:space="preserve"> – okresowe (zgodne z instrukcją producentów) </t>
    </r>
    <r>
      <rPr>
        <sz val="11"/>
        <color rgb="FF000000"/>
        <rFont val="Arial"/>
        <family val="2"/>
        <charset val="238"/>
      </rPr>
      <t>sprawdzenie stanu technicznego</t>
    </r>
    <r>
      <rPr>
        <sz val="11"/>
        <color rgb="FF000000"/>
        <rFont val="Arial"/>
        <family val="2"/>
        <charset val="238"/>
      </rPr>
      <t xml:space="preserve"> gaśnic i agregatów gaśniczych, mające na celu stwierdzenie ich sprawności technicznej zapewniającej właściwe działanie w chwili użycia. </t>
    </r>
    <r>
      <rPr>
        <sz val="11"/>
        <color rgb="FF000000"/>
        <rFont val="Arial"/>
        <family val="2"/>
        <charset val="238"/>
      </rPr>
      <t>Czynności te kończy informacja zamieszczona na gaśnicy lub agregacie gaśniczym (kontrolka).</t>
    </r>
  </si>
  <si>
    <t>Podpis osoby uzupełniającej formularz oraz data</t>
  </si>
  <si>
    <r>
      <t xml:space="preserve">** - Naprawa - </t>
    </r>
    <r>
      <rPr>
        <sz val="11"/>
        <color rgb="FF000000"/>
        <rFont val="Arial"/>
        <family val="2"/>
        <charset val="238"/>
      </rPr>
      <t>zespół czynności warsztatowych</t>
    </r>
    <r>
      <rPr>
        <sz val="11"/>
        <color rgb="FF000000"/>
        <rFont val="Arial"/>
        <family val="2"/>
        <charset val="238"/>
      </rPr>
      <t>, których celem jest przywrócenie funkcji użytkowej jednostce podręcznego sprzętu gaśniczego.</t>
    </r>
  </si>
  <si>
    <t>* demontaż gaśnicy lub agregatu gaśniczego,</t>
  </si>
  <si>
    <t>* wymiany środka gaśniczego,</t>
  </si>
  <si>
    <t>* montażu gaśnicy lub agregatu gaśniczego,</t>
  </si>
  <si>
    <t>* czyszczenia, malowania, badania wytrzymałościowe zbiornika,</t>
  </si>
  <si>
    <t>* znakowania gaśnicy lub agregatu gaśniczego (etykiety, kontrolki, plomby).</t>
  </si>
  <si>
    <t>Naprawę wykonuje się, gdy:</t>
  </si>
  <si>
    <t>* czynności konserwacyjne nie gwarantują przywrócenia sprawności technicznej gaśnicy lub agregatu gaśniczego (np. uszkodzenia mechaniczne),</t>
  </si>
  <si>
    <t>* gaśnica lub agregat gaśniczy zostały użyte,</t>
  </si>
  <si>
    <t>* cechy identyfikujące stan techniczny gaśnicy lub agregatu gaśniczego (np. plomby, kontrolki) zostały usunięte lub zniszczone,</t>
  </si>
  <si>
    <r>
      <t>* minął termin gwarantowanej sprawności technicznej gaśnicy lub agregatu gaśniczego (np.</t>
    </r>
    <r>
      <rPr>
        <sz val="11"/>
        <color rgb="FF000000"/>
        <rFont val="Arial"/>
        <family val="2"/>
        <charset val="238"/>
      </rPr>
      <t xml:space="preserve"> termin przydatności środka gaśniczego, </t>
    </r>
    <r>
      <rPr>
        <sz val="11"/>
        <color rgb="FF000000"/>
        <rFont val="Arial"/>
        <family val="2"/>
        <charset val="238"/>
      </rPr>
      <t>termin legalizacji zbiornika</t>
    </r>
    <r>
      <rPr>
        <sz val="11"/>
        <color rgb="FF000000"/>
        <rFont val="Arial"/>
        <family val="2"/>
        <charset val="238"/>
      </rPr>
      <t>).</t>
    </r>
  </si>
  <si>
    <t xml:space="preserve">WZÓR FORMULARZA CENOWEGO - DZPZ/333/41/2021 </t>
  </si>
  <si>
    <r>
      <t xml:space="preserve">Gaśnice proszkowe – </t>
    </r>
    <r>
      <rPr>
        <b/>
        <sz val="10"/>
        <rFont val="Arial"/>
        <family val="2"/>
        <charset val="238"/>
      </rPr>
      <t>przegląd* /szt. 190/</t>
    </r>
  </si>
  <si>
    <r>
      <rPr>
        <sz val="11"/>
        <rFont val="Arial"/>
        <family val="2"/>
        <charset val="238"/>
      </rPr>
      <t>Agregat proszkowy</t>
    </r>
    <r>
      <rPr>
        <b/>
        <sz val="10"/>
        <rFont val="Arial2"/>
        <charset val="238"/>
      </rPr>
      <t xml:space="preserve"> – przegląd GP-25 /szt. 1/</t>
    </r>
  </si>
  <si>
    <r>
      <t xml:space="preserve">Agregat proszkowy - </t>
    </r>
    <r>
      <rPr>
        <sz val="11"/>
        <rFont val="Arial"/>
        <family val="2"/>
        <charset val="238"/>
      </rPr>
      <t>leg. UDT zbiornika agregatu proszkowego</t>
    </r>
  </si>
  <si>
    <t xml:space="preserve">Wykonanie usług polegających na dostawie, przeglądzie, naprawie, legalizacji, oznakowaniu i  konserwacji sprzętu  przeciwpożarowego (łącznie z gaśnicami samochodowymi) oraz konserwacji hydrantów wewnętrznych, zewnętrznych i zaworów hydrantowych będących w  używaniu WSS w Olsztynie- powtórzenie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64" formatCode="#,##0.00&quot; zł&quot;"/>
    <numFmt numFmtId="165" formatCode="#,##0.00&quot;      &quot;;#,##0.00&quot;      &quot;;&quot;-&quot;#&quot;      &quot;;@&quot; &quot;"/>
  </numFmts>
  <fonts count="20">
    <font>
      <sz val="11"/>
      <color rgb="FF000000"/>
      <name val="Arial"/>
      <family val="2"/>
      <charset val="238"/>
    </font>
    <font>
      <sz val="11"/>
      <color rgb="FF000000"/>
      <name val="Arial"/>
      <family val="2"/>
      <charset val="238"/>
    </font>
    <font>
      <b/>
      <i/>
      <sz val="16"/>
      <color rgb="FF000000"/>
      <name val="Arial"/>
      <family val="2"/>
      <charset val="238"/>
    </font>
    <font>
      <b/>
      <i/>
      <u/>
      <sz val="11"/>
      <color rgb="FF000000"/>
      <name val="Arial"/>
      <family val="2"/>
      <charset val="238"/>
    </font>
    <font>
      <b/>
      <sz val="12"/>
      <color rgb="FF000000"/>
      <name val="Arial2"/>
      <charset val="238"/>
    </font>
    <font>
      <sz val="11"/>
      <color rgb="FF000000"/>
      <name val="Arial2"/>
      <charset val="238"/>
    </font>
    <font>
      <b/>
      <sz val="10"/>
      <color rgb="FF000000"/>
      <name val="Arial2"/>
      <charset val="238"/>
    </font>
    <font>
      <b/>
      <sz val="11"/>
      <color rgb="FFFF3333"/>
      <name val="Arial2"/>
      <charset val="238"/>
    </font>
    <font>
      <b/>
      <sz val="11"/>
      <color rgb="FF0000FF"/>
      <name val="Arial2"/>
      <charset val="238"/>
    </font>
    <font>
      <sz val="10"/>
      <color rgb="FF0000FF"/>
      <name val="Arial2"/>
      <charset val="238"/>
    </font>
    <font>
      <sz val="11"/>
      <color rgb="FF0000FF"/>
      <name val="Arial2"/>
      <charset val="238"/>
    </font>
    <font>
      <b/>
      <sz val="11"/>
      <color rgb="FF000000"/>
      <name val="Arial2"/>
      <charset val="238"/>
    </font>
    <font>
      <b/>
      <sz val="10"/>
      <color rgb="FFFF0000"/>
      <name val="Arial2"/>
      <charset val="238"/>
    </font>
    <font>
      <sz val="10"/>
      <color rgb="FF6666FF"/>
      <name val="Arial2"/>
      <charset val="238"/>
    </font>
    <font>
      <b/>
      <sz val="10"/>
      <color rgb="FF6666FF"/>
      <name val="Arial2"/>
      <charset val="238"/>
    </font>
    <font>
      <b/>
      <sz val="10"/>
      <name val="Arial2"/>
      <charset val="238"/>
    </font>
    <font>
      <b/>
      <sz val="10"/>
      <name val="Arial"/>
      <family val="2"/>
      <charset val="238"/>
    </font>
    <font>
      <sz val="10"/>
      <name val="Arial2"/>
      <charset val="238"/>
    </font>
    <font>
      <sz val="11"/>
      <name val="Arial"/>
      <family val="2"/>
      <charset val="238"/>
    </font>
    <font>
      <sz val="8"/>
      <color rgb="FF000000"/>
      <name val="Arial"/>
      <family val="2"/>
      <charset val="238"/>
    </font>
  </fonts>
  <fills count="6">
    <fill>
      <patternFill patternType="none"/>
    </fill>
    <fill>
      <patternFill patternType="gray125"/>
    </fill>
    <fill>
      <patternFill patternType="solid">
        <fgColor rgb="FFFFFF00"/>
        <bgColor rgb="FFFFFF00"/>
      </patternFill>
    </fill>
    <fill>
      <patternFill patternType="solid">
        <fgColor rgb="FFCCFFFF"/>
        <bgColor rgb="FFCCFFFF"/>
      </patternFill>
    </fill>
    <fill>
      <patternFill patternType="solid">
        <fgColor rgb="FFFFFF99"/>
        <bgColor rgb="FFFFFF99"/>
      </patternFill>
    </fill>
    <fill>
      <patternFill patternType="solid">
        <fgColor rgb="FFFFCC00"/>
        <bgColor rgb="FFFFCC00"/>
      </patternFill>
    </fill>
  </fills>
  <borders count="8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rgb="FF000000"/>
      </left>
      <right/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 style="thin">
        <color rgb="FF000000"/>
      </bottom>
      <diagonal/>
    </border>
    <border>
      <left/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/>
      <right style="thin">
        <color rgb="FF000000"/>
      </right>
      <top/>
      <bottom/>
      <diagonal/>
    </border>
  </borders>
  <cellStyleXfs count="6">
    <xf numFmtId="0" fontId="0" fillId="0" borderId="0"/>
    <xf numFmtId="165" fontId="1" fillId="0" borderId="0" applyFont="0" applyBorder="0" applyProtection="0"/>
    <xf numFmtId="0" fontId="2" fillId="0" borderId="0" applyNumberFormat="0" applyBorder="0" applyProtection="0">
      <alignment horizontal="center"/>
    </xf>
    <xf numFmtId="0" fontId="2" fillId="0" borderId="0" applyNumberFormat="0" applyBorder="0" applyProtection="0">
      <alignment horizontal="center" textRotation="90"/>
    </xf>
    <xf numFmtId="0" fontId="3" fillId="0" borderId="0" applyNumberFormat="0" applyBorder="0" applyProtection="0"/>
    <xf numFmtId="0" fontId="3" fillId="0" borderId="0" applyNumberFormat="0" applyBorder="0" applyProtection="0"/>
  </cellStyleXfs>
  <cellXfs count="51">
    <xf numFmtId="0" fontId="0" fillId="0" borderId="0" xfId="0"/>
    <xf numFmtId="0" fontId="5" fillId="0" borderId="0" xfId="0" applyFont="1"/>
    <xf numFmtId="0" fontId="5" fillId="0" borderId="2" xfId="0" applyFont="1" applyBorder="1"/>
    <xf numFmtId="0" fontId="5" fillId="0" borderId="1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center" vertical="center" wrapText="1"/>
    </xf>
    <xf numFmtId="0" fontId="6" fillId="0" borderId="1" xfId="0" applyFont="1" applyBorder="1" applyAlignment="1">
      <alignment horizontal="center" vertical="center" wrapText="1"/>
    </xf>
    <xf numFmtId="0" fontId="6" fillId="0" borderId="4" xfId="0" applyFont="1" applyBorder="1" applyAlignment="1">
      <alignment horizontal="center" vertical="center" wrapText="1"/>
    </xf>
    <xf numFmtId="0" fontId="6" fillId="0" borderId="5" xfId="0" applyFont="1" applyBorder="1" applyAlignment="1">
      <alignment horizontal="center" vertical="center" wrapText="1"/>
    </xf>
    <xf numFmtId="165" fontId="6" fillId="0" borderId="5" xfId="1" applyFont="1" applyFill="1" applyBorder="1" applyAlignment="1" applyProtection="1">
      <alignment horizontal="center" vertical="center" wrapText="1"/>
    </xf>
    <xf numFmtId="0" fontId="6" fillId="0" borderId="5" xfId="0" applyFont="1" applyFill="1" applyBorder="1" applyAlignment="1">
      <alignment horizontal="center" vertical="center" wrapText="1"/>
    </xf>
    <xf numFmtId="0" fontId="7" fillId="0" borderId="0" xfId="0" applyFont="1"/>
    <xf numFmtId="0" fontId="8" fillId="0" borderId="0" xfId="0" applyFont="1"/>
    <xf numFmtId="0" fontId="10" fillId="0" borderId="0" xfId="0" applyFont="1"/>
    <xf numFmtId="0" fontId="11" fillId="0" borderId="0" xfId="0" applyFont="1"/>
    <xf numFmtId="164" fontId="5" fillId="3" borderId="6" xfId="0" applyNumberFormat="1" applyFont="1" applyFill="1" applyBorder="1" applyAlignment="1">
      <alignment horizontal="center" vertical="center" wrapText="1"/>
    </xf>
    <xf numFmtId="164" fontId="5" fillId="0" borderId="7" xfId="0" applyNumberFormat="1" applyFont="1" applyBorder="1" applyAlignment="1">
      <alignment horizontal="center" vertical="center" wrapText="1"/>
    </xf>
    <xf numFmtId="164" fontId="5" fillId="0" borderId="6" xfId="0" applyNumberFormat="1" applyFont="1" applyBorder="1" applyAlignment="1">
      <alignment horizontal="center" vertical="center" wrapText="1"/>
    </xf>
    <xf numFmtId="0" fontId="5" fillId="0" borderId="0" xfId="0" applyFont="1" applyAlignment="1">
      <alignment horizontal="center"/>
    </xf>
    <xf numFmtId="164" fontId="5" fillId="0" borderId="0" xfId="0" applyNumberFormat="1" applyFont="1" applyAlignment="1">
      <alignment vertical="center" wrapText="1"/>
    </xf>
    <xf numFmtId="164" fontId="5" fillId="4" borderId="1" xfId="0" applyNumberFormat="1" applyFont="1" applyFill="1" applyBorder="1" applyAlignment="1">
      <alignment horizontal="center" vertical="center" wrapText="1"/>
    </xf>
    <xf numFmtId="164" fontId="5" fillId="0" borderId="1" xfId="0" applyNumberFormat="1" applyFont="1" applyBorder="1" applyAlignment="1">
      <alignment horizontal="center" vertical="center" wrapText="1"/>
    </xf>
    <xf numFmtId="164" fontId="5" fillId="0" borderId="0" xfId="0" applyNumberFormat="1" applyFont="1" applyAlignment="1">
      <alignment horizontal="center" vertical="center" wrapText="1"/>
    </xf>
    <xf numFmtId="164" fontId="5" fillId="5" borderId="2" xfId="0" applyNumberFormat="1" applyFont="1" applyFill="1" applyBorder="1" applyAlignment="1">
      <alignment horizontal="center" vertical="center" wrapText="1"/>
    </xf>
    <xf numFmtId="164" fontId="5" fillId="5" borderId="1" xfId="0" applyNumberFormat="1" applyFont="1" applyFill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13" fillId="0" borderId="0" xfId="0" applyFont="1"/>
    <xf numFmtId="0" fontId="13" fillId="0" borderId="0" xfId="0" applyFont="1" applyFill="1" applyAlignment="1">
      <alignment horizontal="center"/>
    </xf>
    <xf numFmtId="0" fontId="14" fillId="0" borderId="0" xfId="0" applyFont="1"/>
    <xf numFmtId="0" fontId="13" fillId="0" borderId="0" xfId="0" applyFont="1" applyAlignment="1">
      <alignment horizontal="left" vertical="center" wrapText="1"/>
    </xf>
    <xf numFmtId="0" fontId="13" fillId="0" borderId="0" xfId="0" applyFont="1" applyFill="1" applyAlignment="1">
      <alignment vertical="top" wrapText="1"/>
    </xf>
    <xf numFmtId="0" fontId="4" fillId="0" borderId="1" xfId="0" applyFont="1" applyFill="1" applyBorder="1" applyAlignment="1">
      <alignment horizontal="center" vertical="center"/>
    </xf>
    <xf numFmtId="0" fontId="6" fillId="2" borderId="1" xfId="0" applyFont="1" applyFill="1" applyBorder="1" applyAlignment="1">
      <alignment horizontal="center" vertical="center" wrapText="1"/>
    </xf>
    <xf numFmtId="0" fontId="12" fillId="0" borderId="0" xfId="0" applyFont="1" applyFill="1" applyAlignment="1">
      <alignment horizontal="left" vertical="center" wrapText="1"/>
    </xf>
    <xf numFmtId="0" fontId="0" fillId="0" borderId="7" xfId="0" applyFill="1" applyBorder="1"/>
    <xf numFmtId="0" fontId="5" fillId="0" borderId="1" xfId="0" applyFont="1" applyFill="1" applyBorder="1" applyAlignment="1">
      <alignment horizontal="center" wrapText="1"/>
    </xf>
    <xf numFmtId="0" fontId="9" fillId="0" borderId="0" xfId="0" applyFont="1" applyFill="1" applyAlignment="1">
      <alignment horizontal="left" vertical="center" wrapText="1"/>
    </xf>
    <xf numFmtId="0" fontId="15" fillId="0" borderId="1" xfId="0" applyFont="1" applyBorder="1" applyAlignment="1">
      <alignment horizontal="center" vertical="center" wrapText="1"/>
    </xf>
    <xf numFmtId="0" fontId="15" fillId="0" borderId="1" xfId="0" applyFont="1" applyBorder="1" applyAlignment="1">
      <alignment vertical="center" wrapText="1"/>
    </xf>
    <xf numFmtId="2" fontId="15" fillId="0" borderId="1" xfId="1" applyNumberFormat="1" applyFont="1" applyFill="1" applyBorder="1" applyAlignment="1" applyProtection="1">
      <alignment horizontal="center" vertical="center" wrapText="1"/>
    </xf>
    <xf numFmtId="2" fontId="15" fillId="0" borderId="1" xfId="0" applyNumberFormat="1" applyFont="1" applyBorder="1" applyAlignment="1">
      <alignment horizontal="center" vertical="center" wrapText="1"/>
    </xf>
    <xf numFmtId="2" fontId="15" fillId="0" borderId="1" xfId="0" applyNumberFormat="1" applyFont="1" applyFill="1" applyBorder="1" applyAlignment="1">
      <alignment horizontal="center" vertical="center" wrapText="1"/>
    </xf>
    <xf numFmtId="0" fontId="17" fillId="0" borderId="1" xfId="0" applyFont="1" applyBorder="1" applyAlignment="1">
      <alignment horizontal="center" vertical="center" wrapText="1"/>
    </xf>
    <xf numFmtId="0" fontId="17" fillId="0" borderId="1" xfId="0" applyFont="1" applyBorder="1" applyAlignment="1">
      <alignment vertical="center" wrapText="1"/>
    </xf>
    <xf numFmtId="2" fontId="17" fillId="0" borderId="1" xfId="1" applyNumberFormat="1" applyFont="1" applyFill="1" applyBorder="1" applyAlignment="1" applyProtection="1">
      <alignment horizontal="center" vertical="center" wrapText="1"/>
    </xf>
    <xf numFmtId="2" fontId="17" fillId="0" borderId="1" xfId="0" applyNumberFormat="1" applyFont="1" applyBorder="1" applyAlignment="1">
      <alignment horizontal="center" vertical="center" wrapText="1"/>
    </xf>
    <xf numFmtId="2" fontId="17" fillId="0" borderId="1" xfId="0" applyNumberFormat="1" applyFont="1" applyFill="1" applyBorder="1" applyAlignment="1">
      <alignment horizontal="center" vertical="center" wrapText="1"/>
    </xf>
    <xf numFmtId="0" fontId="17" fillId="0" borderId="1" xfId="0" applyFont="1" applyBorder="1" applyAlignment="1">
      <alignment horizontal="right" vertical="center" wrapText="1"/>
    </xf>
    <xf numFmtId="0" fontId="15" fillId="0" borderId="1" xfId="0" applyFont="1" applyBorder="1" applyAlignment="1">
      <alignment horizontal="left" vertical="center" wrapText="1"/>
    </xf>
    <xf numFmtId="0" fontId="17" fillId="0" borderId="1" xfId="0" applyFont="1" applyBorder="1" applyAlignment="1">
      <alignment horizontal="left" vertical="center" wrapText="1"/>
    </xf>
    <xf numFmtId="0" fontId="15" fillId="0" borderId="1" xfId="0" applyFont="1" applyFill="1" applyBorder="1" applyAlignment="1">
      <alignment horizontal="left" vertical="center" wrapText="1"/>
    </xf>
    <xf numFmtId="0" fontId="19" fillId="0" borderId="1" xfId="0" applyFont="1" applyFill="1" applyBorder="1" applyAlignment="1">
      <alignment wrapText="1"/>
    </xf>
  </cellXfs>
  <cellStyles count="6">
    <cellStyle name="Excel_BuiltIn_Comma" xfId="1" xr:uid="{00000000-0005-0000-0000-000000000000}"/>
    <cellStyle name="Heading" xfId="2" xr:uid="{00000000-0005-0000-0000-000001000000}"/>
    <cellStyle name="Heading1" xfId="3" xr:uid="{00000000-0005-0000-0000-000002000000}"/>
    <cellStyle name="Normalny" xfId="0" builtinId="0" customBuiltin="1"/>
    <cellStyle name="Result" xfId="4" xr:uid="{00000000-0005-0000-0000-000004000000}"/>
    <cellStyle name="Result2" xfId="5" xr:uid="{00000000-0005-0000-0000-000005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MJ51"/>
  <sheetViews>
    <sheetView tabSelected="1" workbookViewId="0">
      <selection activeCell="N5" sqref="N5"/>
    </sheetView>
  </sheetViews>
  <sheetFormatPr defaultRowHeight="12.75" customHeight="1"/>
  <cols>
    <col min="1" max="1" width="6.125" style="1" customWidth="1"/>
    <col min="2" max="2" width="74" style="1" customWidth="1"/>
    <col min="3" max="3" width="7.25" style="1" customWidth="1"/>
    <col min="4" max="4" width="7.375" style="1" customWidth="1"/>
    <col min="5" max="5" width="13.5" style="1" customWidth="1"/>
    <col min="6" max="6" width="9.75" style="1" customWidth="1"/>
    <col min="7" max="7" width="14.5" style="1" customWidth="1"/>
    <col min="8" max="8" width="13.875" style="1" customWidth="1"/>
    <col min="9" max="9" width="11.875" style="1" customWidth="1"/>
    <col min="10" max="13" width="8.375" style="1" customWidth="1"/>
    <col min="14" max="14" width="17.5" style="1" customWidth="1"/>
    <col min="15" max="1022" width="8.375" style="1" customWidth="1"/>
    <col min="1023" max="1024" width="9" style="1" customWidth="1"/>
    <col min="1025" max="1025" width="9" customWidth="1"/>
  </cols>
  <sheetData>
    <row r="1" spans="1:9" ht="12.75" customHeight="1">
      <c r="A1" s="30" t="s">
        <v>60</v>
      </c>
      <c r="B1" s="30"/>
      <c r="C1" s="30"/>
      <c r="D1" s="30"/>
      <c r="E1" s="30"/>
      <c r="F1" s="30"/>
      <c r="G1" s="30" t="s">
        <v>0</v>
      </c>
      <c r="H1" s="30"/>
      <c r="I1" s="30"/>
    </row>
    <row r="2" spans="1:9" ht="12.75" customHeight="1">
      <c r="A2" s="30"/>
      <c r="B2" s="30"/>
      <c r="C2" s="30"/>
      <c r="D2" s="30"/>
      <c r="E2" s="30"/>
      <c r="F2" s="30"/>
      <c r="G2" s="30"/>
      <c r="H2" s="30"/>
      <c r="I2" s="30"/>
    </row>
    <row r="3" spans="1:9" ht="27.75" customHeight="1">
      <c r="A3" s="50" t="s">
        <v>64</v>
      </c>
      <c r="B3" s="50"/>
      <c r="C3" s="50"/>
      <c r="D3" s="50"/>
      <c r="E3" s="50"/>
      <c r="F3" s="50"/>
      <c r="G3" s="30"/>
      <c r="H3" s="30"/>
      <c r="I3" s="30"/>
    </row>
    <row r="4" spans="1:9" ht="13.5" customHeight="1">
      <c r="A4" s="2"/>
      <c r="B4" s="3"/>
      <c r="C4" s="4"/>
      <c r="D4" s="4" t="s">
        <v>1</v>
      </c>
      <c r="E4" s="5" t="s">
        <v>2</v>
      </c>
      <c r="F4" s="5" t="s">
        <v>3</v>
      </c>
      <c r="G4" s="6" t="s">
        <v>4</v>
      </c>
      <c r="H4" s="7" t="s">
        <v>5</v>
      </c>
      <c r="I4" s="7" t="s">
        <v>6</v>
      </c>
    </row>
    <row r="5" spans="1:9" ht="65.45" customHeight="1">
      <c r="A5" s="7" t="s">
        <v>7</v>
      </c>
      <c r="B5" s="7" t="s">
        <v>8</v>
      </c>
      <c r="C5" s="6" t="s">
        <v>9</v>
      </c>
      <c r="D5" s="6" t="s">
        <v>10</v>
      </c>
      <c r="E5" s="8" t="s">
        <v>11</v>
      </c>
      <c r="F5" s="7" t="s">
        <v>12</v>
      </c>
      <c r="G5" s="7" t="s">
        <v>13</v>
      </c>
      <c r="H5" s="9" t="s">
        <v>14</v>
      </c>
      <c r="I5" s="7" t="s">
        <v>15</v>
      </c>
    </row>
    <row r="6" spans="1:9" s="10" customFormat="1" ht="31.15" customHeight="1">
      <c r="A6" s="36">
        <v>1</v>
      </c>
      <c r="B6" s="37" t="s">
        <v>61</v>
      </c>
      <c r="C6" s="36" t="s">
        <v>16</v>
      </c>
      <c r="D6" s="36">
        <v>1</v>
      </c>
      <c r="E6" s="38">
        <v>0</v>
      </c>
      <c r="F6" s="39">
        <v>0</v>
      </c>
      <c r="G6" s="39">
        <v>0</v>
      </c>
      <c r="H6" s="40">
        <v>0</v>
      </c>
      <c r="I6" s="39">
        <v>0</v>
      </c>
    </row>
    <row r="7" spans="1:9" ht="31.15" customHeight="1">
      <c r="A7" s="41">
        <v>2</v>
      </c>
      <c r="B7" s="42" t="s">
        <v>17</v>
      </c>
      <c r="C7" s="41" t="s">
        <v>16</v>
      </c>
      <c r="D7" s="41">
        <v>1</v>
      </c>
      <c r="E7" s="43">
        <v>0</v>
      </c>
      <c r="F7" s="44">
        <v>0</v>
      </c>
      <c r="G7" s="44">
        <v>0</v>
      </c>
      <c r="H7" s="45">
        <v>0</v>
      </c>
      <c r="I7" s="44">
        <v>0</v>
      </c>
    </row>
    <row r="8" spans="1:9" ht="31.15" customHeight="1">
      <c r="A8" s="41">
        <v>3</v>
      </c>
      <c r="B8" s="42" t="s">
        <v>18</v>
      </c>
      <c r="C8" s="41" t="s">
        <v>16</v>
      </c>
      <c r="D8" s="41">
        <v>1</v>
      </c>
      <c r="E8" s="43">
        <v>0</v>
      </c>
      <c r="F8" s="44">
        <v>0</v>
      </c>
      <c r="G8" s="44">
        <v>0</v>
      </c>
      <c r="H8" s="45">
        <v>0</v>
      </c>
      <c r="I8" s="44">
        <v>0</v>
      </c>
    </row>
    <row r="9" spans="1:9" ht="31.15" customHeight="1">
      <c r="A9" s="41">
        <v>4</v>
      </c>
      <c r="B9" s="46" t="s">
        <v>19</v>
      </c>
      <c r="C9" s="41" t="s">
        <v>16</v>
      </c>
      <c r="D9" s="41">
        <v>1</v>
      </c>
      <c r="E9" s="43">
        <v>0</v>
      </c>
      <c r="F9" s="44">
        <v>0</v>
      </c>
      <c r="G9" s="44">
        <v>0</v>
      </c>
      <c r="H9" s="45">
        <v>0</v>
      </c>
      <c r="I9" s="44">
        <v>0</v>
      </c>
    </row>
    <row r="10" spans="1:9" ht="31.15" customHeight="1">
      <c r="A10" s="41">
        <v>5</v>
      </c>
      <c r="B10" s="46" t="s">
        <v>20</v>
      </c>
      <c r="C10" s="41" t="s">
        <v>16</v>
      </c>
      <c r="D10" s="41">
        <v>1</v>
      </c>
      <c r="E10" s="43">
        <v>0</v>
      </c>
      <c r="F10" s="44">
        <v>0</v>
      </c>
      <c r="G10" s="44">
        <v>0</v>
      </c>
      <c r="H10" s="45">
        <v>0</v>
      </c>
      <c r="I10" s="44">
        <v>0</v>
      </c>
    </row>
    <row r="11" spans="1:9" ht="31.15" customHeight="1">
      <c r="A11" s="41">
        <v>6</v>
      </c>
      <c r="B11" s="46" t="s">
        <v>21</v>
      </c>
      <c r="C11" s="41" t="s">
        <v>16</v>
      </c>
      <c r="D11" s="41">
        <v>1</v>
      </c>
      <c r="E11" s="43">
        <v>0</v>
      </c>
      <c r="F11" s="44">
        <v>0</v>
      </c>
      <c r="G11" s="44">
        <v>0</v>
      </c>
      <c r="H11" s="45">
        <v>0</v>
      </c>
      <c r="I11" s="44">
        <v>0</v>
      </c>
    </row>
    <row r="12" spans="1:9" s="11" customFormat="1" ht="33.6" customHeight="1">
      <c r="A12" s="36">
        <v>7</v>
      </c>
      <c r="B12" s="47" t="s">
        <v>22</v>
      </c>
      <c r="C12" s="36" t="s">
        <v>16</v>
      </c>
      <c r="D12" s="36">
        <v>1</v>
      </c>
      <c r="E12" s="38">
        <v>0</v>
      </c>
      <c r="F12" s="39">
        <v>0</v>
      </c>
      <c r="G12" s="39">
        <v>0</v>
      </c>
      <c r="H12" s="40">
        <v>0</v>
      </c>
      <c r="I12" s="39">
        <v>0</v>
      </c>
    </row>
    <row r="13" spans="1:9" s="12" customFormat="1" ht="33.6" customHeight="1">
      <c r="A13" s="41">
        <v>8</v>
      </c>
      <c r="B13" s="42" t="s">
        <v>23</v>
      </c>
      <c r="C13" s="41" t="s">
        <v>16</v>
      </c>
      <c r="D13" s="41">
        <v>1</v>
      </c>
      <c r="E13" s="43">
        <v>0</v>
      </c>
      <c r="F13" s="44">
        <v>0</v>
      </c>
      <c r="G13" s="44">
        <v>0</v>
      </c>
      <c r="H13" s="45">
        <v>0</v>
      </c>
      <c r="I13" s="44">
        <v>0</v>
      </c>
    </row>
    <row r="14" spans="1:9" s="12" customFormat="1" ht="33.6" customHeight="1">
      <c r="A14" s="41">
        <v>9</v>
      </c>
      <c r="B14" s="42" t="s">
        <v>24</v>
      </c>
      <c r="C14" s="41" t="s">
        <v>16</v>
      </c>
      <c r="D14" s="41">
        <v>1</v>
      </c>
      <c r="E14" s="43">
        <v>0</v>
      </c>
      <c r="F14" s="44">
        <v>0</v>
      </c>
      <c r="G14" s="44">
        <v>0</v>
      </c>
      <c r="H14" s="45">
        <v>0</v>
      </c>
      <c r="I14" s="44">
        <v>0</v>
      </c>
    </row>
    <row r="15" spans="1:9" s="12" customFormat="1" ht="33.6" customHeight="1">
      <c r="A15" s="41">
        <v>10</v>
      </c>
      <c r="B15" s="46" t="s">
        <v>25</v>
      </c>
      <c r="C15" s="41" t="s">
        <v>16</v>
      </c>
      <c r="D15" s="41">
        <v>1</v>
      </c>
      <c r="E15" s="43">
        <v>0</v>
      </c>
      <c r="F15" s="44">
        <v>0</v>
      </c>
      <c r="G15" s="44">
        <v>0</v>
      </c>
      <c r="H15" s="45">
        <v>0</v>
      </c>
      <c r="I15" s="44">
        <v>0</v>
      </c>
    </row>
    <row r="16" spans="1:9" s="13" customFormat="1" ht="33" customHeight="1">
      <c r="A16" s="36">
        <v>11</v>
      </c>
      <c r="B16" s="47" t="s">
        <v>62</v>
      </c>
      <c r="C16" s="36" t="s">
        <v>16</v>
      </c>
      <c r="D16" s="36">
        <v>1</v>
      </c>
      <c r="E16" s="38">
        <v>0</v>
      </c>
      <c r="F16" s="39">
        <v>0</v>
      </c>
      <c r="G16" s="39">
        <v>0</v>
      </c>
      <c r="H16" s="40">
        <v>0</v>
      </c>
      <c r="I16" s="39">
        <v>0</v>
      </c>
    </row>
    <row r="17" spans="1:9" ht="25.15" customHeight="1">
      <c r="A17" s="41">
        <v>12</v>
      </c>
      <c r="B17" s="48" t="s">
        <v>26</v>
      </c>
      <c r="C17" s="41" t="s">
        <v>16</v>
      </c>
      <c r="D17" s="41">
        <v>1</v>
      </c>
      <c r="E17" s="43">
        <v>0</v>
      </c>
      <c r="F17" s="44">
        <v>0</v>
      </c>
      <c r="G17" s="44">
        <v>0</v>
      </c>
      <c r="H17" s="45">
        <v>0</v>
      </c>
      <c r="I17" s="44">
        <v>0</v>
      </c>
    </row>
    <row r="18" spans="1:9" ht="28.9" customHeight="1">
      <c r="A18" s="36">
        <v>13</v>
      </c>
      <c r="B18" s="48" t="s">
        <v>63</v>
      </c>
      <c r="C18" s="41" t="s">
        <v>16</v>
      </c>
      <c r="D18" s="41">
        <v>1</v>
      </c>
      <c r="E18" s="43">
        <v>0</v>
      </c>
      <c r="F18" s="44">
        <v>0</v>
      </c>
      <c r="G18" s="44">
        <v>0</v>
      </c>
      <c r="H18" s="45">
        <v>0</v>
      </c>
      <c r="I18" s="44">
        <v>0</v>
      </c>
    </row>
    <row r="19" spans="1:9" s="13" customFormat="1" ht="32.450000000000003" customHeight="1">
      <c r="A19" s="36">
        <v>14</v>
      </c>
      <c r="B19" s="47" t="s">
        <v>27</v>
      </c>
      <c r="C19" s="36" t="s">
        <v>16</v>
      </c>
      <c r="D19" s="36">
        <v>1</v>
      </c>
      <c r="E19" s="38">
        <v>0</v>
      </c>
      <c r="F19" s="39">
        <v>0</v>
      </c>
      <c r="G19" s="39">
        <v>0</v>
      </c>
      <c r="H19" s="40">
        <v>0</v>
      </c>
      <c r="I19" s="39">
        <v>0</v>
      </c>
    </row>
    <row r="20" spans="1:9" s="13" customFormat="1" ht="24.6" customHeight="1">
      <c r="A20" s="36">
        <v>15</v>
      </c>
      <c r="B20" s="47" t="s">
        <v>28</v>
      </c>
      <c r="C20" s="36" t="s">
        <v>16</v>
      </c>
      <c r="D20" s="36">
        <v>1</v>
      </c>
      <c r="E20" s="38">
        <v>0</v>
      </c>
      <c r="F20" s="39">
        <v>0</v>
      </c>
      <c r="G20" s="39">
        <v>0</v>
      </c>
      <c r="H20" s="40">
        <v>0</v>
      </c>
      <c r="I20" s="39">
        <v>0</v>
      </c>
    </row>
    <row r="21" spans="1:9" s="13" customFormat="1" ht="30.6" customHeight="1">
      <c r="A21" s="36">
        <v>16</v>
      </c>
      <c r="B21" s="49" t="s">
        <v>29</v>
      </c>
      <c r="C21" s="36" t="s">
        <v>16</v>
      </c>
      <c r="D21" s="36">
        <v>1</v>
      </c>
      <c r="E21" s="38">
        <v>0</v>
      </c>
      <c r="F21" s="39">
        <v>0</v>
      </c>
      <c r="G21" s="39">
        <v>0</v>
      </c>
      <c r="H21" s="40">
        <v>0</v>
      </c>
      <c r="I21" s="39">
        <v>0</v>
      </c>
    </row>
    <row r="22" spans="1:9" s="13" customFormat="1" ht="30.6" customHeight="1">
      <c r="A22" s="36">
        <v>17</v>
      </c>
      <c r="B22" s="49" t="s">
        <v>30</v>
      </c>
      <c r="C22" s="36" t="s">
        <v>16</v>
      </c>
      <c r="D22" s="36">
        <v>1</v>
      </c>
      <c r="E22" s="38">
        <v>0</v>
      </c>
      <c r="F22" s="39">
        <v>0</v>
      </c>
      <c r="G22" s="39">
        <v>0</v>
      </c>
      <c r="H22" s="40">
        <v>0</v>
      </c>
      <c r="I22" s="39">
        <v>0</v>
      </c>
    </row>
    <row r="23" spans="1:9" ht="24.6" customHeight="1">
      <c r="A23" s="41">
        <v>18</v>
      </c>
      <c r="B23" s="48" t="s">
        <v>31</v>
      </c>
      <c r="C23" s="41" t="s">
        <v>16</v>
      </c>
      <c r="D23" s="41">
        <v>1</v>
      </c>
      <c r="E23" s="43">
        <v>0</v>
      </c>
      <c r="F23" s="44">
        <v>0</v>
      </c>
      <c r="G23" s="44">
        <v>0</v>
      </c>
      <c r="H23" s="45">
        <v>0</v>
      </c>
      <c r="I23" s="44">
        <v>0</v>
      </c>
    </row>
    <row r="24" spans="1:9" ht="25.15" customHeight="1">
      <c r="A24" s="41">
        <v>19</v>
      </c>
      <c r="B24" s="48" t="s">
        <v>32</v>
      </c>
      <c r="C24" s="41" t="s">
        <v>16</v>
      </c>
      <c r="D24" s="41">
        <v>1</v>
      </c>
      <c r="E24" s="43">
        <v>0</v>
      </c>
      <c r="F24" s="44">
        <v>0</v>
      </c>
      <c r="G24" s="44">
        <v>0</v>
      </c>
      <c r="H24" s="45">
        <v>0</v>
      </c>
      <c r="I24" s="44">
        <v>0</v>
      </c>
    </row>
    <row r="25" spans="1:9" ht="24" customHeight="1">
      <c r="A25" s="41">
        <v>20</v>
      </c>
      <c r="B25" s="48" t="s">
        <v>33</v>
      </c>
      <c r="C25" s="41" t="s">
        <v>16</v>
      </c>
      <c r="D25" s="41">
        <v>1</v>
      </c>
      <c r="E25" s="43">
        <v>0</v>
      </c>
      <c r="F25" s="44">
        <v>0</v>
      </c>
      <c r="G25" s="44">
        <v>0</v>
      </c>
      <c r="H25" s="45">
        <v>0</v>
      </c>
      <c r="I25" s="44">
        <v>0</v>
      </c>
    </row>
    <row r="26" spans="1:9" ht="24" customHeight="1">
      <c r="A26" s="41">
        <v>21</v>
      </c>
      <c r="B26" s="48" t="s">
        <v>34</v>
      </c>
      <c r="C26" s="41" t="s">
        <v>16</v>
      </c>
      <c r="D26" s="41">
        <v>1</v>
      </c>
      <c r="E26" s="43">
        <v>0</v>
      </c>
      <c r="F26" s="44">
        <v>0</v>
      </c>
      <c r="G26" s="44">
        <v>0</v>
      </c>
      <c r="H26" s="45">
        <v>0</v>
      </c>
      <c r="I26" s="44">
        <v>0</v>
      </c>
    </row>
    <row r="27" spans="1:9" ht="24" customHeight="1">
      <c r="A27" s="41">
        <v>22</v>
      </c>
      <c r="B27" s="48" t="s">
        <v>35</v>
      </c>
      <c r="C27" s="41" t="s">
        <v>16</v>
      </c>
      <c r="D27" s="41">
        <v>1</v>
      </c>
      <c r="E27" s="43">
        <v>0</v>
      </c>
      <c r="F27" s="44">
        <v>0</v>
      </c>
      <c r="G27" s="44">
        <v>0</v>
      </c>
      <c r="H27" s="45">
        <v>0</v>
      </c>
      <c r="I27" s="44">
        <v>0</v>
      </c>
    </row>
    <row r="28" spans="1:9" ht="24" customHeight="1">
      <c r="A28" s="41">
        <v>23</v>
      </c>
      <c r="B28" s="48" t="s">
        <v>36</v>
      </c>
      <c r="C28" s="41" t="s">
        <v>16</v>
      </c>
      <c r="D28" s="41">
        <v>1</v>
      </c>
      <c r="E28" s="43">
        <v>0</v>
      </c>
      <c r="F28" s="44">
        <v>0</v>
      </c>
      <c r="G28" s="44">
        <v>0</v>
      </c>
      <c r="H28" s="45">
        <v>0</v>
      </c>
      <c r="I28" s="44">
        <v>0</v>
      </c>
    </row>
    <row r="29" spans="1:9" ht="24" customHeight="1">
      <c r="A29" s="41">
        <v>24</v>
      </c>
      <c r="B29" s="48" t="s">
        <v>37</v>
      </c>
      <c r="C29" s="41" t="s">
        <v>16</v>
      </c>
      <c r="D29" s="41">
        <v>1</v>
      </c>
      <c r="E29" s="43">
        <v>0</v>
      </c>
      <c r="F29" s="44">
        <v>0</v>
      </c>
      <c r="G29" s="44">
        <v>0</v>
      </c>
      <c r="H29" s="45">
        <v>0</v>
      </c>
      <c r="I29" s="44">
        <v>0</v>
      </c>
    </row>
    <row r="30" spans="1:9" ht="35.450000000000003" customHeight="1">
      <c r="A30" s="41">
        <v>25</v>
      </c>
      <c r="B30" s="48" t="s">
        <v>38</v>
      </c>
      <c r="C30" s="41" t="s">
        <v>16</v>
      </c>
      <c r="D30" s="41">
        <v>1</v>
      </c>
      <c r="E30" s="43">
        <v>0</v>
      </c>
      <c r="F30" s="44">
        <v>0</v>
      </c>
      <c r="G30" s="44">
        <v>0</v>
      </c>
      <c r="H30" s="45">
        <v>0</v>
      </c>
      <c r="I30" s="44">
        <v>0</v>
      </c>
    </row>
    <row r="31" spans="1:9" ht="34.9" customHeight="1">
      <c r="A31" s="41">
        <v>26</v>
      </c>
      <c r="B31" s="48" t="s">
        <v>39</v>
      </c>
      <c r="C31" s="41" t="s">
        <v>16</v>
      </c>
      <c r="D31" s="41">
        <v>1</v>
      </c>
      <c r="E31" s="43">
        <v>0</v>
      </c>
      <c r="F31" s="44">
        <v>0</v>
      </c>
      <c r="G31" s="44">
        <v>0</v>
      </c>
      <c r="H31" s="45">
        <v>0</v>
      </c>
      <c r="I31" s="44">
        <v>0</v>
      </c>
    </row>
    <row r="32" spans="1:9" ht="33" customHeight="1">
      <c r="A32" s="41">
        <v>27</v>
      </c>
      <c r="B32" s="48" t="s">
        <v>40</v>
      </c>
      <c r="C32" s="41" t="s">
        <v>16</v>
      </c>
      <c r="D32" s="41">
        <v>1</v>
      </c>
      <c r="E32" s="43">
        <v>0</v>
      </c>
      <c r="F32" s="44">
        <v>0</v>
      </c>
      <c r="G32" s="44">
        <v>0</v>
      </c>
      <c r="H32" s="45">
        <v>0</v>
      </c>
      <c r="I32" s="44">
        <v>0</v>
      </c>
    </row>
    <row r="33" spans="1:9" ht="33" customHeight="1">
      <c r="A33" s="41">
        <v>28</v>
      </c>
      <c r="B33" s="48" t="s">
        <v>41</v>
      </c>
      <c r="C33" s="41" t="s">
        <v>16</v>
      </c>
      <c r="D33" s="41">
        <v>1</v>
      </c>
      <c r="E33" s="43">
        <v>0</v>
      </c>
      <c r="F33" s="44">
        <v>0</v>
      </c>
      <c r="G33" s="44">
        <v>0</v>
      </c>
      <c r="H33" s="45">
        <v>0</v>
      </c>
      <c r="I33" s="44">
        <v>0</v>
      </c>
    </row>
    <row r="34" spans="1:9" ht="33" customHeight="1">
      <c r="A34" s="41">
        <v>29</v>
      </c>
      <c r="B34" s="48" t="s">
        <v>42</v>
      </c>
      <c r="C34" s="41" t="s">
        <v>16</v>
      </c>
      <c r="D34" s="41">
        <v>1</v>
      </c>
      <c r="E34" s="43">
        <v>0</v>
      </c>
      <c r="F34" s="44">
        <v>0</v>
      </c>
      <c r="G34" s="44">
        <v>0</v>
      </c>
      <c r="H34" s="45">
        <v>0</v>
      </c>
      <c r="I34" s="44">
        <v>0</v>
      </c>
    </row>
    <row r="35" spans="1:9" ht="33" customHeight="1">
      <c r="A35" s="41">
        <v>30</v>
      </c>
      <c r="B35" s="48" t="s">
        <v>43</v>
      </c>
      <c r="C35" s="41" t="s">
        <v>16</v>
      </c>
      <c r="D35" s="41">
        <v>1</v>
      </c>
      <c r="E35" s="43">
        <v>0</v>
      </c>
      <c r="F35" s="44">
        <v>0</v>
      </c>
      <c r="G35" s="44">
        <v>0</v>
      </c>
      <c r="H35" s="45">
        <v>0</v>
      </c>
      <c r="I35" s="44">
        <v>0</v>
      </c>
    </row>
    <row r="36" spans="1:9" ht="29.25" customHeight="1">
      <c r="A36" s="31" t="s">
        <v>44</v>
      </c>
      <c r="B36" s="31"/>
      <c r="C36" s="31"/>
      <c r="D36" s="31"/>
      <c r="E36" s="31"/>
      <c r="F36" s="14" t="s">
        <v>12</v>
      </c>
      <c r="G36" s="14">
        <f>SUM(G17:G17)</f>
        <v>0</v>
      </c>
      <c r="H36" s="15"/>
      <c r="I36" s="16"/>
    </row>
    <row r="37" spans="1:9" ht="29.25" customHeight="1">
      <c r="A37" s="17"/>
      <c r="B37" s="17"/>
      <c r="C37" s="17"/>
      <c r="D37" s="17"/>
      <c r="E37" s="18"/>
      <c r="F37" s="19" t="s">
        <v>45</v>
      </c>
      <c r="G37" s="19">
        <f>SUM(H17:H36)</f>
        <v>0</v>
      </c>
      <c r="H37" s="20"/>
      <c r="I37" s="20"/>
    </row>
    <row r="38" spans="1:9" ht="30.75" customHeight="1">
      <c r="A38" s="17"/>
      <c r="B38" s="17"/>
      <c r="C38" s="17"/>
      <c r="D38" s="17"/>
      <c r="E38" s="18"/>
      <c r="F38" s="21"/>
      <c r="G38" s="16"/>
      <c r="H38" s="22" t="s">
        <v>46</v>
      </c>
      <c r="I38" s="23">
        <f>SUM(I17:I37)</f>
        <v>0</v>
      </c>
    </row>
    <row r="39" spans="1:9" ht="78.400000000000006" customHeight="1">
      <c r="A39" s="32" t="s">
        <v>47</v>
      </c>
      <c r="B39" s="32"/>
      <c r="C39" s="32"/>
      <c r="D39" s="32"/>
      <c r="E39" s="32"/>
      <c r="F39" s="33"/>
      <c r="G39" s="34" t="s">
        <v>48</v>
      </c>
      <c r="H39" s="34"/>
      <c r="I39" s="34"/>
    </row>
    <row r="40" spans="1:9" ht="12.75" customHeight="1">
      <c r="A40" s="32"/>
      <c r="B40" s="32"/>
      <c r="C40" s="32"/>
      <c r="D40" s="32"/>
      <c r="E40" s="32"/>
      <c r="F40" s="33"/>
      <c r="G40" s="34"/>
      <c r="H40" s="34"/>
      <c r="I40" s="34"/>
    </row>
    <row r="41" spans="1:9" ht="14.25">
      <c r="A41" s="35" t="s">
        <v>49</v>
      </c>
      <c r="B41" s="35"/>
      <c r="C41" s="35"/>
      <c r="D41" s="35"/>
      <c r="E41" s="24"/>
      <c r="F41" s="33"/>
      <c r="G41" s="34"/>
      <c r="H41" s="34"/>
      <c r="I41" s="34"/>
    </row>
    <row r="42" spans="1:9" ht="15.75" customHeight="1">
      <c r="A42" s="25"/>
      <c r="B42" s="25" t="s">
        <v>50</v>
      </c>
      <c r="C42" s="26"/>
      <c r="D42" s="25"/>
      <c r="E42" s="27"/>
    </row>
    <row r="43" spans="1:9" ht="15.75" customHeight="1">
      <c r="A43" s="25"/>
      <c r="B43" s="25" t="s">
        <v>51</v>
      </c>
      <c r="C43" s="26"/>
      <c r="D43" s="25"/>
      <c r="E43" s="27"/>
    </row>
    <row r="44" spans="1:9" ht="15.75" customHeight="1">
      <c r="A44" s="25"/>
      <c r="B44" s="25" t="s">
        <v>52</v>
      </c>
      <c r="C44" s="26"/>
      <c r="D44" s="25"/>
      <c r="E44" s="27"/>
    </row>
    <row r="45" spans="1:9" ht="15.75" customHeight="1">
      <c r="A45" s="25"/>
      <c r="B45" s="25" t="s">
        <v>53</v>
      </c>
      <c r="C45" s="26"/>
      <c r="D45" s="25"/>
      <c r="E45" s="27"/>
    </row>
    <row r="46" spans="1:9" ht="15.75" customHeight="1">
      <c r="A46" s="25"/>
      <c r="B46" s="25" t="s">
        <v>54</v>
      </c>
      <c r="C46" s="26"/>
      <c r="D46" s="25"/>
      <c r="E46" s="27"/>
    </row>
    <row r="47" spans="1:9" ht="15.75" customHeight="1">
      <c r="A47" s="28" t="s">
        <v>55</v>
      </c>
      <c r="B47" s="28"/>
      <c r="C47" s="26"/>
      <c r="D47" s="25"/>
      <c r="E47" s="27"/>
    </row>
    <row r="48" spans="1:9" ht="15.75" customHeight="1">
      <c r="A48" s="25"/>
      <c r="B48" s="25" t="s">
        <v>56</v>
      </c>
      <c r="C48" s="26"/>
      <c r="D48" s="25"/>
      <c r="E48" s="27"/>
    </row>
    <row r="49" spans="1:5" ht="15.75" customHeight="1">
      <c r="A49" s="25"/>
      <c r="B49" s="25" t="s">
        <v>57</v>
      </c>
      <c r="C49" s="26"/>
      <c r="D49" s="25"/>
      <c r="E49" s="27"/>
    </row>
    <row r="50" spans="1:5" ht="15.75" customHeight="1">
      <c r="A50" s="25"/>
      <c r="B50" s="25" t="s">
        <v>58</v>
      </c>
      <c r="C50" s="26"/>
      <c r="D50" s="25"/>
      <c r="E50" s="27"/>
    </row>
    <row r="51" spans="1:5" ht="29.85" customHeight="1">
      <c r="A51" s="25"/>
      <c r="B51" s="29" t="s">
        <v>59</v>
      </c>
      <c r="C51" s="29"/>
      <c r="D51" s="29"/>
      <c r="E51" s="29"/>
    </row>
  </sheetData>
  <mergeCells count="10">
    <mergeCell ref="A47:B47"/>
    <mergeCell ref="B51:E51"/>
    <mergeCell ref="A1:F2"/>
    <mergeCell ref="G1:I3"/>
    <mergeCell ref="A3:F3"/>
    <mergeCell ref="A36:E36"/>
    <mergeCell ref="A39:E40"/>
    <mergeCell ref="F39:F41"/>
    <mergeCell ref="G39:I41"/>
    <mergeCell ref="A41:D41"/>
  </mergeCells>
  <pageMargins left="0.31535433070866109" right="7.8346456692913402E-2" top="1.2791338582677159" bottom="1.2791338582677159" header="0.98385826771653495" footer="0.98385826771653495"/>
  <pageSetup paperSize="0" scale="70" fitToWidth="0" fitToHeight="0" pageOrder="overThenDown" orientation="landscape" horizontalDpi="0" verticalDpi="0" copies="0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otalTime>20</TotalTime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formularz_cenowy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revision>3</cp:revision>
  <cp:lastPrinted>2018-05-09T13:13:39Z</cp:lastPrinted>
  <dcterms:created xsi:type="dcterms:W3CDTF">2012-02-10T12:34:38Z</dcterms:created>
  <dcterms:modified xsi:type="dcterms:W3CDTF">2021-03-10T09:18:29Z</dcterms:modified>
</cp:coreProperties>
</file>